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1714\common\01_R7年度\20_研修・業績発表会\01_業績発表会(緑)\01_本県業績発表会\R7業発資料（渡部）\HP掲載資料\"/>
    </mc:Choice>
  </mc:AlternateContent>
  <xr:revisionPtr revIDLastSave="0" documentId="13_ncr:1_{E16CB643-A62B-4184-9985-CACFCE15D49C}" xr6:coauthVersionLast="47" xr6:coauthVersionMax="47" xr10:uidLastSave="{00000000-0000-0000-0000-000000000000}"/>
  <bookViews>
    <workbookView xWindow="-110" yWindow="-110" windowWidth="19420" windowHeight="10300" xr2:uid="{26690836-402C-4A96-992C-E80A20E450CC}"/>
  </bookViews>
  <sheets>
    <sheet name="Sheet1" sheetId="1" r:id="rId1"/>
  </sheets>
  <definedNames>
    <definedName name="_xlnm.Print_Area" localSheetId="0">Sheet1!$B$2:$K$1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0" uniqueCount="21">
  <si>
    <t>番号</t>
  </si>
  <si>
    <t>実施年月日</t>
  </si>
  <si>
    <t>検査項目</t>
  </si>
  <si>
    <t>X線管</t>
  </si>
  <si>
    <t>装置</t>
  </si>
  <si>
    <t>高電圧</t>
  </si>
  <si>
    <t>発生装置</t>
  </si>
  <si>
    <t>X線制御装置</t>
  </si>
  <si>
    <t>管装置</t>
  </si>
  <si>
    <t>附属器具</t>
  </si>
  <si>
    <t>その他</t>
  </si>
  <si>
    <t>漏えい</t>
  </si>
  <si>
    <t>放射線</t>
  </si>
  <si>
    <t>線量</t>
  </si>
  <si>
    <t>照射野</t>
  </si>
  <si>
    <t>良 ・ 否</t>
  </si>
  <si>
    <t>有 ・ 無</t>
  </si>
  <si>
    <t>mSv</t>
  </si>
  <si>
    <t>記録：５年保存</t>
    <phoneticPr fontId="1"/>
  </si>
  <si>
    <t>エックス線装置の定期検査記録</t>
    <phoneticPr fontId="1"/>
  </si>
  <si>
    <t>実施：３年に１回　※専門機関に委託して実施することが望ましい。</t>
    <rPh sb="0" eb="2">
      <t>ジッシ</t>
    </rPh>
    <rPh sb="7" eb="8">
      <t>カ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4"/>
      <color rgb="FF000000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 style="medium">
        <color rgb="FF000000"/>
      </right>
      <top/>
      <bottom/>
      <diagonal/>
    </border>
    <border>
      <left style="medium">
        <color rgb="FF000000"/>
      </left>
      <right style="medium">
        <color rgb="FF000000"/>
      </right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</borders>
  <cellStyleXfs count="1">
    <xf numFmtId="0" fontId="0" fillId="0" borderId="0">
      <alignment vertical="center"/>
    </xf>
  </cellStyleXfs>
  <cellXfs count="14">
    <xf numFmtId="0" fontId="0" fillId="0" borderId="0" xfId="0">
      <alignment vertical="center"/>
    </xf>
    <xf numFmtId="0" fontId="2" fillId="0" borderId="2" xfId="0" applyFont="1" applyBorder="1" applyAlignment="1">
      <alignment horizontal="center" vertical="center" wrapText="1" readingOrder="1"/>
    </xf>
    <xf numFmtId="0" fontId="2" fillId="0" borderId="4" xfId="0" applyFont="1" applyBorder="1" applyAlignment="1">
      <alignment horizontal="center" vertical="center" wrapText="1" readingOrder="1"/>
    </xf>
    <xf numFmtId="0" fontId="2" fillId="0" borderId="2" xfId="0" applyFont="1" applyBorder="1" applyAlignment="1">
      <alignment horizontal="center" vertical="center" wrapText="1" readingOrder="1"/>
    </xf>
    <xf numFmtId="0" fontId="2" fillId="0" borderId="3" xfId="0" applyFont="1" applyBorder="1" applyAlignment="1">
      <alignment horizontal="center" vertical="center" wrapText="1" readingOrder="1"/>
    </xf>
    <xf numFmtId="0" fontId="2" fillId="0" borderId="4" xfId="0" applyFont="1" applyBorder="1" applyAlignment="1">
      <alignment horizontal="center" vertical="center" wrapText="1" readingOrder="1"/>
    </xf>
    <xf numFmtId="0" fontId="2" fillId="0" borderId="5" xfId="0" applyFont="1" applyBorder="1" applyAlignment="1">
      <alignment horizontal="center" vertical="center" wrapText="1" readingOrder="1"/>
    </xf>
    <xf numFmtId="0" fontId="2" fillId="0" borderId="6" xfId="0" applyFont="1" applyBorder="1" applyAlignment="1">
      <alignment horizontal="center" vertical="center" wrapText="1" readingOrder="1"/>
    </xf>
    <xf numFmtId="0" fontId="2" fillId="0" borderId="7" xfId="0" applyFont="1" applyBorder="1" applyAlignment="1">
      <alignment horizontal="center" vertical="center" wrapText="1" readingOrder="1"/>
    </xf>
    <xf numFmtId="0" fontId="3" fillId="0" borderId="0" xfId="0" applyFont="1">
      <alignment vertical="center"/>
    </xf>
    <xf numFmtId="0" fontId="2" fillId="0" borderId="1" xfId="0" applyFont="1" applyBorder="1" applyAlignment="1">
      <alignment horizontal="center" vertical="center" wrapText="1" readingOrder="1"/>
    </xf>
    <xf numFmtId="0" fontId="4" fillId="0" borderId="1" xfId="0" applyFont="1" applyBorder="1" applyAlignment="1">
      <alignment horizontal="center" vertical="top" wrapText="1"/>
    </xf>
    <xf numFmtId="0" fontId="2" fillId="0" borderId="1" xfId="0" applyFont="1" applyBorder="1" applyAlignment="1">
      <alignment horizontal="right" vertical="center" wrapText="1" readingOrder="1"/>
    </xf>
    <xf numFmtId="0" fontId="3" fillId="0" borderId="0" xfId="0" applyFont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1D6EF7B-915B-4FAC-A0C8-634C23564A5F}">
  <dimension ref="B2:K17"/>
  <sheetViews>
    <sheetView tabSelected="1" view="pageBreakPreview" zoomScale="70" zoomScaleNormal="80" zoomScaleSheetLayoutView="70" workbookViewId="0">
      <selection activeCell="G5" sqref="G5"/>
    </sheetView>
  </sheetViews>
  <sheetFormatPr defaultRowHeight="28.5" customHeight="1" x14ac:dyDescent="0.2"/>
  <cols>
    <col min="1" max="1" width="6" style="9" customWidth="1"/>
    <col min="2" max="2" width="7.75" style="9" customWidth="1"/>
    <col min="3" max="3" width="18.58203125" style="9" customWidth="1"/>
    <col min="4" max="11" width="15.33203125" style="9" customWidth="1"/>
    <col min="12" max="16384" width="8.6640625" style="9"/>
  </cols>
  <sheetData>
    <row r="2" spans="2:11" s="9" customFormat="1" ht="28.5" customHeight="1" thickBot="1" x14ac:dyDescent="0.25">
      <c r="B2" s="9" t="s">
        <v>19</v>
      </c>
    </row>
    <row r="3" spans="2:11" s="9" customFormat="1" ht="28.5" customHeight="1" thickBot="1" x14ac:dyDescent="0.25">
      <c r="B3" s="3" t="s">
        <v>0</v>
      </c>
      <c r="C3" s="3" t="s">
        <v>1</v>
      </c>
      <c r="D3" s="6" t="s">
        <v>2</v>
      </c>
      <c r="E3" s="7"/>
      <c r="F3" s="7"/>
      <c r="G3" s="7"/>
      <c r="H3" s="7"/>
      <c r="I3" s="7"/>
      <c r="J3" s="7"/>
      <c r="K3" s="8"/>
    </row>
    <row r="4" spans="2:11" s="9" customFormat="1" ht="28.5" customHeight="1" x14ac:dyDescent="0.2">
      <c r="B4" s="4"/>
      <c r="C4" s="4"/>
      <c r="D4" s="1" t="s">
        <v>3</v>
      </c>
      <c r="E4" s="1" t="s">
        <v>5</v>
      </c>
      <c r="F4" s="3" t="s">
        <v>7</v>
      </c>
      <c r="G4" s="1" t="s">
        <v>8</v>
      </c>
      <c r="H4" s="1" t="s">
        <v>10</v>
      </c>
      <c r="I4" s="1" t="s">
        <v>11</v>
      </c>
      <c r="J4" s="1" t="s">
        <v>11</v>
      </c>
      <c r="K4" s="3" t="s">
        <v>14</v>
      </c>
    </row>
    <row r="5" spans="2:11" s="9" customFormat="1" ht="28.5" customHeight="1" thickBot="1" x14ac:dyDescent="0.25">
      <c r="B5" s="5"/>
      <c r="C5" s="5"/>
      <c r="D5" s="2" t="s">
        <v>4</v>
      </c>
      <c r="E5" s="2" t="s">
        <v>6</v>
      </c>
      <c r="F5" s="5"/>
      <c r="G5" s="2" t="s">
        <v>9</v>
      </c>
      <c r="H5" s="2" t="s">
        <v>4</v>
      </c>
      <c r="I5" s="2" t="s">
        <v>12</v>
      </c>
      <c r="J5" s="2" t="s">
        <v>13</v>
      </c>
      <c r="K5" s="5"/>
    </row>
    <row r="6" spans="2:11" s="9" customFormat="1" ht="28.5" customHeight="1" thickBot="1" x14ac:dyDescent="0.25">
      <c r="B6" s="10">
        <v>1</v>
      </c>
      <c r="C6" s="11"/>
      <c r="D6" s="10" t="s">
        <v>15</v>
      </c>
      <c r="E6" s="10" t="s">
        <v>15</v>
      </c>
      <c r="F6" s="10" t="s">
        <v>15</v>
      </c>
      <c r="G6" s="10" t="s">
        <v>15</v>
      </c>
      <c r="H6" s="10" t="s">
        <v>15</v>
      </c>
      <c r="I6" s="10" t="s">
        <v>16</v>
      </c>
      <c r="J6" s="12" t="s">
        <v>17</v>
      </c>
      <c r="K6" s="10" t="s">
        <v>15</v>
      </c>
    </row>
    <row r="7" spans="2:11" s="9" customFormat="1" ht="28.5" customHeight="1" thickBot="1" x14ac:dyDescent="0.25">
      <c r="B7" s="10">
        <v>2</v>
      </c>
      <c r="C7" s="11"/>
      <c r="D7" s="10" t="s">
        <v>15</v>
      </c>
      <c r="E7" s="10" t="s">
        <v>15</v>
      </c>
      <c r="F7" s="10" t="s">
        <v>15</v>
      </c>
      <c r="G7" s="10" t="s">
        <v>15</v>
      </c>
      <c r="H7" s="10" t="s">
        <v>15</v>
      </c>
      <c r="I7" s="10" t="s">
        <v>16</v>
      </c>
      <c r="J7" s="12" t="s">
        <v>17</v>
      </c>
      <c r="K7" s="10" t="s">
        <v>15</v>
      </c>
    </row>
    <row r="8" spans="2:11" s="9" customFormat="1" ht="28.5" customHeight="1" thickBot="1" x14ac:dyDescent="0.25">
      <c r="B8" s="10">
        <v>3</v>
      </c>
      <c r="C8" s="11"/>
      <c r="D8" s="10" t="s">
        <v>15</v>
      </c>
      <c r="E8" s="10" t="s">
        <v>15</v>
      </c>
      <c r="F8" s="10" t="s">
        <v>15</v>
      </c>
      <c r="G8" s="10" t="s">
        <v>15</v>
      </c>
      <c r="H8" s="10" t="s">
        <v>15</v>
      </c>
      <c r="I8" s="10" t="s">
        <v>16</v>
      </c>
      <c r="J8" s="12" t="s">
        <v>17</v>
      </c>
      <c r="K8" s="10" t="s">
        <v>15</v>
      </c>
    </row>
    <row r="9" spans="2:11" s="9" customFormat="1" ht="28.5" customHeight="1" thickBot="1" x14ac:dyDescent="0.25">
      <c r="B9" s="10">
        <v>4</v>
      </c>
      <c r="C9" s="11"/>
      <c r="D9" s="10" t="s">
        <v>15</v>
      </c>
      <c r="E9" s="10" t="s">
        <v>15</v>
      </c>
      <c r="F9" s="10" t="s">
        <v>15</v>
      </c>
      <c r="G9" s="10" t="s">
        <v>15</v>
      </c>
      <c r="H9" s="10" t="s">
        <v>15</v>
      </c>
      <c r="I9" s="10" t="s">
        <v>16</v>
      </c>
      <c r="J9" s="12" t="s">
        <v>17</v>
      </c>
      <c r="K9" s="10" t="s">
        <v>15</v>
      </c>
    </row>
    <row r="10" spans="2:11" s="9" customFormat="1" ht="28.5" customHeight="1" thickBot="1" x14ac:dyDescent="0.25">
      <c r="B10" s="10">
        <v>5</v>
      </c>
      <c r="C10" s="11"/>
      <c r="D10" s="10" t="s">
        <v>15</v>
      </c>
      <c r="E10" s="10" t="s">
        <v>15</v>
      </c>
      <c r="F10" s="10" t="s">
        <v>15</v>
      </c>
      <c r="G10" s="10" t="s">
        <v>15</v>
      </c>
      <c r="H10" s="10" t="s">
        <v>15</v>
      </c>
      <c r="I10" s="10" t="s">
        <v>16</v>
      </c>
      <c r="J10" s="12" t="s">
        <v>17</v>
      </c>
      <c r="K10" s="10" t="s">
        <v>15</v>
      </c>
    </row>
    <row r="11" spans="2:11" s="9" customFormat="1" ht="28.5" customHeight="1" thickBot="1" x14ac:dyDescent="0.25">
      <c r="B11" s="10">
        <v>6</v>
      </c>
      <c r="C11" s="11"/>
      <c r="D11" s="10" t="s">
        <v>15</v>
      </c>
      <c r="E11" s="10" t="s">
        <v>15</v>
      </c>
      <c r="F11" s="10" t="s">
        <v>15</v>
      </c>
      <c r="G11" s="10" t="s">
        <v>15</v>
      </c>
      <c r="H11" s="10" t="s">
        <v>15</v>
      </c>
      <c r="I11" s="10" t="s">
        <v>16</v>
      </c>
      <c r="J11" s="12" t="s">
        <v>17</v>
      </c>
      <c r="K11" s="10" t="s">
        <v>15</v>
      </c>
    </row>
    <row r="12" spans="2:11" s="9" customFormat="1" ht="28.5" customHeight="1" thickBot="1" x14ac:dyDescent="0.25">
      <c r="B12" s="10">
        <v>7</v>
      </c>
      <c r="C12" s="11"/>
      <c r="D12" s="10" t="s">
        <v>15</v>
      </c>
      <c r="E12" s="10" t="s">
        <v>15</v>
      </c>
      <c r="F12" s="10" t="s">
        <v>15</v>
      </c>
      <c r="G12" s="10" t="s">
        <v>15</v>
      </c>
      <c r="H12" s="10" t="s">
        <v>15</v>
      </c>
      <c r="I12" s="10" t="s">
        <v>16</v>
      </c>
      <c r="J12" s="12" t="s">
        <v>17</v>
      </c>
      <c r="K12" s="10" t="s">
        <v>15</v>
      </c>
    </row>
    <row r="13" spans="2:11" s="9" customFormat="1" ht="28.5" customHeight="1" thickBot="1" x14ac:dyDescent="0.25">
      <c r="B13" s="10">
        <v>8</v>
      </c>
      <c r="C13" s="11"/>
      <c r="D13" s="10" t="s">
        <v>15</v>
      </c>
      <c r="E13" s="10" t="s">
        <v>15</v>
      </c>
      <c r="F13" s="10" t="s">
        <v>15</v>
      </c>
      <c r="G13" s="10" t="s">
        <v>15</v>
      </c>
      <c r="H13" s="10" t="s">
        <v>15</v>
      </c>
      <c r="I13" s="10" t="s">
        <v>16</v>
      </c>
      <c r="J13" s="12" t="s">
        <v>17</v>
      </c>
      <c r="K13" s="10" t="s">
        <v>15</v>
      </c>
    </row>
    <row r="14" spans="2:11" s="9" customFormat="1" ht="28.5" customHeight="1" thickBot="1" x14ac:dyDescent="0.25">
      <c r="B14" s="10">
        <v>9</v>
      </c>
      <c r="C14" s="11"/>
      <c r="D14" s="10" t="s">
        <v>15</v>
      </c>
      <c r="E14" s="10" t="s">
        <v>15</v>
      </c>
      <c r="F14" s="10" t="s">
        <v>15</v>
      </c>
      <c r="G14" s="10" t="s">
        <v>15</v>
      </c>
      <c r="H14" s="10" t="s">
        <v>15</v>
      </c>
      <c r="I14" s="10" t="s">
        <v>16</v>
      </c>
      <c r="J14" s="12" t="s">
        <v>17</v>
      </c>
      <c r="K14" s="10" t="s">
        <v>15</v>
      </c>
    </row>
    <row r="15" spans="2:11" s="9" customFormat="1" ht="28.5" customHeight="1" thickBot="1" x14ac:dyDescent="0.25">
      <c r="B15" s="10">
        <v>10</v>
      </c>
      <c r="C15" s="11"/>
      <c r="D15" s="10" t="s">
        <v>15</v>
      </c>
      <c r="E15" s="10" t="s">
        <v>15</v>
      </c>
      <c r="F15" s="10" t="s">
        <v>15</v>
      </c>
      <c r="G15" s="10" t="s">
        <v>15</v>
      </c>
      <c r="H15" s="10" t="s">
        <v>15</v>
      </c>
      <c r="I15" s="10" t="s">
        <v>16</v>
      </c>
      <c r="J15" s="12" t="s">
        <v>17</v>
      </c>
      <c r="K15" s="10" t="s">
        <v>15</v>
      </c>
    </row>
    <row r="16" spans="2:11" s="9" customFormat="1" ht="28.5" customHeight="1" x14ac:dyDescent="0.2">
      <c r="B16" s="13" t="s">
        <v>20</v>
      </c>
    </row>
    <row r="17" spans="2:2" s="9" customFormat="1" ht="28.5" customHeight="1" x14ac:dyDescent="0.2">
      <c r="B17" s="9" t="s">
        <v>18</v>
      </c>
    </row>
  </sheetData>
  <mergeCells count="5">
    <mergeCell ref="B3:B5"/>
    <mergeCell ref="C3:C5"/>
    <mergeCell ref="D3:K3"/>
    <mergeCell ref="F4:F5"/>
    <mergeCell ref="K4:K5"/>
  </mergeCells>
  <phoneticPr fontId="1"/>
  <pageMargins left="0.7" right="0.7" top="0.75" bottom="0.75" header="0.3" footer="0.3"/>
  <pageSetup paperSize="9" scale="8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渡部</dc:creator>
  <cp:lastModifiedBy>渡部</cp:lastModifiedBy>
  <cp:lastPrinted>2026-01-09T06:27:48Z</cp:lastPrinted>
  <dcterms:created xsi:type="dcterms:W3CDTF">2026-01-08T13:32:10Z</dcterms:created>
  <dcterms:modified xsi:type="dcterms:W3CDTF">2026-01-09T06:28:03Z</dcterms:modified>
</cp:coreProperties>
</file>